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slicerCaches/slicerCache1.xml" ContentType="application/vnd.ms-excel.slicerCache+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slicers/slicer1.xml" ContentType="application/vnd.ms-excel.slicer+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929"/>
  <workbookPr/>
  <mc:AlternateContent xmlns:mc="http://schemas.openxmlformats.org/markup-compatibility/2006">
    <mc:Choice Requires="x15">
      <x15ac:absPath xmlns:x15ac="http://schemas.microsoft.com/office/spreadsheetml/2010/11/ac" url="C:\Users\s3800403\Downloads\"/>
    </mc:Choice>
  </mc:AlternateContent>
  <xr:revisionPtr revIDLastSave="0" documentId="13_ncr:1_{E2E9CCA5-BF65-40DE-84FB-E0EBAF64B38C}" xr6:coauthVersionLast="46" xr6:coauthVersionMax="46" xr10:uidLastSave="{00000000-0000-0000-0000-000000000000}"/>
  <bookViews>
    <workbookView xWindow="28680" yWindow="-120" windowWidth="29040" windowHeight="15840" xr2:uid="{00000000-000D-0000-FFFF-FFFF00000000}"/>
  </bookViews>
  <sheets>
    <sheet name="Overall Summary" sheetId="1" r:id="rId1"/>
  </sheets>
  <definedNames>
    <definedName name="Slicer_Type_of_Funding_Required">#N/A</definedName>
  </definedNames>
  <calcPr calcId="191029"/>
  <extLst>
    <ext xmlns:x14="http://schemas.microsoft.com/office/spreadsheetml/2009/9/main" uri="{79F54976-1DA5-4618-B147-4CDE4B953A38}">
      <x14:workbookPr/>
    </ext>
    <ext xmlns:x15="http://schemas.microsoft.com/office/spreadsheetml/2010/11/main" uri="{46BE6895-7355-4a93-B00E-2C351335B9C9}">
      <x15:slicerCaches xmlns:x14="http://schemas.microsoft.com/office/spreadsheetml/2009/9/main">
        <x14:slicerCache r:id="rId2"/>
      </x15:slicerCaches>
    </ex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1" i="1" l="1"/>
  <c r="D10" i="1"/>
  <c r="D6" i="1"/>
  <c r="D12" i="1" s="1"/>
  <c r="D8" i="1"/>
  <c r="D7" i="1"/>
  <c r="D9" i="1"/>
</calcChain>
</file>

<file path=xl/sharedStrings.xml><?xml version="1.0" encoding="utf-8"?>
<sst xmlns="http://schemas.openxmlformats.org/spreadsheetml/2006/main" count="222" uniqueCount="147">
  <si>
    <t>Number of Funds</t>
  </si>
  <si>
    <t>Total</t>
  </si>
  <si>
    <t>Sustainable Travel</t>
  </si>
  <si>
    <t>Electric Vehicles</t>
  </si>
  <si>
    <t>Community</t>
  </si>
  <si>
    <t xml:space="preserve">Energy and Energy Effiency </t>
  </si>
  <si>
    <t>Overall Funds</t>
  </si>
  <si>
    <t>Type of Funding Required</t>
  </si>
  <si>
    <t>Provider</t>
  </si>
  <si>
    <t>Name of fund:</t>
  </si>
  <si>
    <t>Value of fund (Maximum / Minimum):</t>
  </si>
  <si>
    <t>Fund opening date (if applicable):</t>
  </si>
  <si>
    <t>Fund closing date (if applicable):</t>
  </si>
  <si>
    <t>Fund Schedule</t>
  </si>
  <si>
    <t>Any restrictions?</t>
  </si>
  <si>
    <t>Where to find more?</t>
  </si>
  <si>
    <t>Paths for All</t>
  </si>
  <si>
    <t>Smarter Choices, Smarter Places: Open Fund</t>
  </si>
  <si>
    <t>£5,000 - £100,000</t>
  </si>
  <si>
    <t>Open</t>
  </si>
  <si>
    <t>None</t>
  </si>
  <si>
    <t>Rolling</t>
  </si>
  <si>
    <t>Colleges and universities can apply; revenue funding only; can fund 50% of the total project cost</t>
  </si>
  <si>
    <t>https://www.pathsforall.org.uk/active-travel/smarter-choices-smarter-places/open-fund</t>
  </si>
  <si>
    <t>Cycling Scotland</t>
  </si>
  <si>
    <t xml:space="preserve">Cycle Friendly Campus </t>
  </si>
  <si>
    <t>£2,500 - £25,000</t>
  </si>
  <si>
    <t>26th October 2023</t>
  </si>
  <si>
    <t>Annual</t>
  </si>
  <si>
    <t>https://www.cycling.scot/what-we-do/cycling-friendly/campus</t>
  </si>
  <si>
    <t>Cycle Friendly Campus Intern Programme</t>
  </si>
  <si>
    <t>N/A; Staff Resource</t>
  </si>
  <si>
    <t>Not specified; register interest in 2024/25 Internship Programme</t>
  </si>
  <si>
    <t>Not specified</t>
  </si>
  <si>
    <t>Colleges and universities only</t>
  </si>
  <si>
    <t>Cycling UK</t>
  </si>
  <si>
    <t>Cycle Share Fund</t>
  </si>
  <si>
    <t>£0 - £100,000+</t>
  </si>
  <si>
    <t>31st March 2024</t>
  </si>
  <si>
    <t>Colleges, Universities and Charities (e.g. Students' Union/Association) can apply; funding for bike loan schemes, subscription services, hire schemes, bike libraries, pool bikes and bike shares only; no match funding required.</t>
  </si>
  <si>
    <t>https://www.cyclinguk.org/cycle-share-fund</t>
  </si>
  <si>
    <t>Robertson Trust</t>
  </si>
  <si>
    <t>Various</t>
  </si>
  <si>
    <t>Up to £50,000</t>
  </si>
  <si>
    <t>Consituted Community Groups and Registered Charities (e.g. Students' Union/Association) only.  Funding must address either: financial wellbeing/tackling poverty; emotional wellbeing and relationships; educational and work pathways by supporting learning and skills.</t>
  </si>
  <si>
    <t>https://www.therobertsontrust.org.uk</t>
  </si>
  <si>
    <t>Garfield Weston</t>
  </si>
  <si>
    <t>Up to £100,000; Foundation tends not to support more than 10% of the total budget of the project.</t>
  </si>
  <si>
    <t>Colleges, Universities and Charities (e.g. Students' Union/Association) can apply</t>
  </si>
  <si>
    <t>https://garfieldweston.org/apply-to-us/how-to-apply/</t>
  </si>
  <si>
    <t>Foundation Scotland</t>
  </si>
  <si>
    <t>Windfarm trusts</t>
  </si>
  <si>
    <t>Variable</t>
  </si>
  <si>
    <t>Continuous</t>
  </si>
  <si>
    <t xml:space="preserve">Communities that are close to windarms are eligible for funding. </t>
  </si>
  <si>
    <t>https://www.foundationscotland.org.uk/communities/funds/</t>
  </si>
  <si>
    <t>SSE</t>
  </si>
  <si>
    <t>Sustainable Development Fund</t>
  </si>
  <si>
    <t>Variable (depending on location)</t>
  </si>
  <si>
    <t>Non-profit Organisations, Consituted Community Groups and Registered Charities (e.g. Students' Union/Association) only. Must be in following areas: Dumfries and Galloway; Highlands; Perth and Kinross; Scottish Borders; South Lanarkshire.</t>
  </si>
  <si>
    <t>https://www.sserenewables.com/communities/sustainable-development-fund/</t>
  </si>
  <si>
    <t xml:space="preserve">Energy Saving Trust </t>
  </si>
  <si>
    <t>Low-Carbon Transport Business Loan</t>
  </si>
  <si>
    <t>Interest-free loan of £500 - £150,000. Repayment of up to 6 years.</t>
  </si>
  <si>
    <t>4th February 2024</t>
  </si>
  <si>
    <t>Colleges, Universities and Charities (e.g. Students' Union/Association) can apply; loans can only be used for the purchase of new vehicles (electric and hydrogen)</t>
  </si>
  <si>
    <t>www.energysavingtrust.org.uk/scotland/grants-loans/low-carbon-transport-business-loan</t>
  </si>
  <si>
    <t>eBike Business Loan</t>
  </si>
  <si>
    <t>Interest-free loan of up to £30,000</t>
  </si>
  <si>
    <t>www.energysavingtrust.org.uk/scotland/grants-loans/ebike-business-loan</t>
  </si>
  <si>
    <t>eBike Grant Fund</t>
  </si>
  <si>
    <t>Up to £75,000 per application</t>
  </si>
  <si>
    <t>22nd September 2023</t>
  </si>
  <si>
    <t>Annual process</t>
  </si>
  <si>
    <t>https://energysavingtrust.org.uk/grants-and-loans/ebike-grant-fund/</t>
  </si>
  <si>
    <t>Business Charge Point Funding</t>
  </si>
  <si>
    <t>Depends on requirements</t>
  </si>
  <si>
    <t>Charities (e.g. Students' Union/Association) can apply; grant can cover up to 75% of cost of purchasing and installing electric vehicle chargepoints</t>
  </si>
  <si>
    <t>https://energysavingtrust.org.uk/grants-and-loans/business-charge-point-funding/</t>
  </si>
  <si>
    <t xml:space="preserve">Community Planning Partnerships (CPPs) run by Local Authorities.  </t>
  </si>
  <si>
    <t>Community Planning Partnerships</t>
  </si>
  <si>
    <t>Check with local authority</t>
  </si>
  <si>
    <t>Local authority website, e.g.     https://www.eastlothian.gov.uk/info/210592/community_planning</t>
  </si>
  <si>
    <t>Energy and Energy Efficiency</t>
  </si>
  <si>
    <t>Scottish Government</t>
  </si>
  <si>
    <t>Scottish Central Government Energy Efficiency Grant Scheme</t>
  </si>
  <si>
    <t>Up to £5 million of capital funding per applicant per year; up to £60,000 of pre-captial funding per applicant per year</t>
  </si>
  <si>
    <t>Ongoing</t>
  </si>
  <si>
    <t>Quarterly funding checkpoints</t>
  </si>
  <si>
    <t>Only colleges can apply for the Central Government Energy Efficiency Grant fund; single and multi-year projects allowed; £200 million available over 5 year period ending 2025/26</t>
  </si>
  <si>
    <t>https://www.gov.scot/publications/scottish-central-government-energy-efficiency-grant-scheme-form-and-guidance/pages/overview/</t>
  </si>
  <si>
    <t>Scotland's Heat Network Fund</t>
  </si>
  <si>
    <t>Grant funding must be fully drawn by March 2026</t>
  </si>
  <si>
    <t>Available to colleges and universities; up to 50% of total eligible capital costs; £300 million total funding available</t>
  </si>
  <si>
    <t>https://www.gov.scot/publications/heat-network-fund-application-guidance/</t>
  </si>
  <si>
    <t xml:space="preserve">Energy and Energy Efficiency </t>
  </si>
  <si>
    <t>Salix Finance</t>
  </si>
  <si>
    <t>Scotland's Public Sector Heat Decarbonisation Fund</t>
  </si>
  <si>
    <t>Unknown; £20 million grant funding available this financial year</t>
  </si>
  <si>
    <t>Expected ASAP</t>
  </si>
  <si>
    <t>Unknown</t>
  </si>
  <si>
    <t xml:space="preserve">Available to universities only. Applications should take a ‘whole building’ approach through the introduction of energy efficiency measures; to improve the energy efficiency of buildings as well as to ensure the optimal performance of their zero-direct emissions heating system. </t>
  </si>
  <si>
    <t>https://www.salixfinance.co.uk/scotlands-public-sector-heat-decarbonisation-fund</t>
  </si>
  <si>
    <t>SFC</t>
  </si>
  <si>
    <t>University Financial Transactions</t>
  </si>
  <si>
    <t>Unknown; low-interest loans totaling up to £26 million available</t>
  </si>
  <si>
    <t>14th August 2023</t>
  </si>
  <si>
    <t>1st September 2023</t>
  </si>
  <si>
    <t>Universities can apply solely or with a partner. The programme provides low-interest loans to support university capital investments made in response to the climate emergency</t>
  </si>
  <si>
    <t>See 2023 EOI overview for further background information - https://www.sfc.ac.uk/publications-statistics/announcements/2023/SFCAN172023.aspx</t>
  </si>
  <si>
    <t>Scottish Public Sector Energy Efficiency Loan Scheme</t>
  </si>
  <si>
    <t>£5,000 - no maximum value; loan value can be up to 75% of total project cost; long-term zero-interest loan.</t>
  </si>
  <si>
    <t>Available to universities only. Projects that must have a payback period of up to 12 years at a cost of £2305 per tonne CO2e saved</t>
  </si>
  <si>
    <t>https://www.salixfinance.co.uk/loans/scotland-loans</t>
  </si>
  <si>
    <t>Tree Planting</t>
  </si>
  <si>
    <t>International Tree Foundation</t>
  </si>
  <si>
    <t>Woodland Trust</t>
  </si>
  <si>
    <t>Non-Specific</t>
  </si>
  <si>
    <t>SEPA Approved Bodies - www.sepa.org.uk/media/578706/scottish-landfill-communities-fund-register-of-approved-bodies.pdf</t>
  </si>
  <si>
    <t>Scottish Landfill Communities Fund</t>
  </si>
  <si>
    <t>Up to £100,000. Limit depends on Approved Body.</t>
  </si>
  <si>
    <t>Small Grants - Continuous; Large grants - once or twice per year.</t>
  </si>
  <si>
    <t>Colleges and Universities, Non-profit Organisations, Consituted Community Groups/Clubs and Registered Charities (e.g. Students' Union/Association) can apply. 
Project must either deliver: a) the reclaimation, remediation or restoration of land for an economic, social or environmental use; b) community based waste preventation, re-use or recycling; c) a public park or other public amenity; d) the conservation of biodiversity through a habitat or native species in it's natural habitat; e) the maintenance, repair or restoration of a historic building, structure or site; f) financial, administration or similar services to an enrolled SLCF project.</t>
  </si>
  <si>
    <t>https://www.sepa.org.uk/environment/waste/scottish-landfill-communities-fund/</t>
  </si>
  <si>
    <t>The National Lottery</t>
  </si>
  <si>
    <t>Community Fund</t>
  </si>
  <si>
    <t>£300 - £1,000,000</t>
  </si>
  <si>
    <t xml:space="preserve">Non-profit Organisations, Consituted Community Groups/Clubs and Registered Charities (e.g. Students' Union/Association) only. </t>
  </si>
  <si>
    <t>www.tnlcommunityfund.org.uk</t>
  </si>
  <si>
    <t>https://www.internationaltreefoundation.org/uk-grants</t>
  </si>
  <si>
    <t>Monthly</t>
  </si>
  <si>
    <t>1st December 2023</t>
  </si>
  <si>
    <t>UK Community Tree Planting Grants</t>
  </si>
  <si>
    <t>Available to support community tree planting projects on publically accessible land.</t>
  </si>
  <si>
    <t>Projects ranging from 100 – 10,000 
trees planted per year, with a maximum price equivalent to £1.75/tree</t>
  </si>
  <si>
    <t>The Tree Council</t>
  </si>
  <si>
    <t>Branching Out Fund</t>
  </si>
  <si>
    <t>£250-£2,500</t>
  </si>
  <si>
    <t>3rd December 2023</t>
  </si>
  <si>
    <t>https://treecouncil.org.uk/what-we-do/planting-and-care/our-grants/branching-out/</t>
  </si>
  <si>
    <t>Available to support community tree planting projects</t>
  </si>
  <si>
    <t>Non-specific</t>
  </si>
  <si>
    <t>EAUC Scotland College, University &amp; Students' Union/Association Funding Register</t>
  </si>
  <si>
    <t>Updated September 2023</t>
  </si>
  <si>
    <t xml:space="preserve">Colleges and universities only fund; capital funding and up to £1k revenue funding; match funding not required but increases funding bid scoring </t>
  </si>
  <si>
    <t>https://www.woodlandtrust.org.uk/</t>
  </si>
  <si>
    <t xml:space="preserve">TBC - site currently under maintanc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xmlns:xr9="http://schemas.microsoft.com/office/spreadsheetml/2016/revision9" mc:Ignorable="x14ac x16r2 xr xr9">
  <fonts count="10" x14ac:knownFonts="1">
    <font>
      <sz val="11"/>
      <color theme="1"/>
      <name val="Calibri"/>
      <family val="2"/>
      <scheme val="minor"/>
    </font>
    <font>
      <b/>
      <sz val="11"/>
      <color theme="1"/>
      <name val="Calibri"/>
      <family val="2"/>
      <scheme val="minor"/>
    </font>
    <font>
      <sz val="11"/>
      <color theme="1"/>
      <name val="Calibri"/>
      <family val="2"/>
    </font>
    <font>
      <u/>
      <sz val="11"/>
      <color theme="10"/>
      <name val="Calibri"/>
      <family val="2"/>
      <scheme val="minor"/>
    </font>
    <font>
      <b/>
      <sz val="11"/>
      <color theme="1"/>
      <name val="Calibri"/>
      <family val="2"/>
    </font>
    <font>
      <sz val="11"/>
      <color rgb="FF1F497D"/>
      <name val="Calibri"/>
      <family val="2"/>
    </font>
    <font>
      <sz val="10"/>
      <color theme="1"/>
      <name val="Arial"/>
      <family val="2"/>
    </font>
    <font>
      <sz val="11"/>
      <name val="Calibri"/>
      <family val="2"/>
    </font>
    <font>
      <sz val="11"/>
      <name val="Calibri"/>
      <family val="2"/>
      <scheme val="minor"/>
    </font>
    <font>
      <b/>
      <sz val="16"/>
      <color theme="1"/>
      <name val="Calibri"/>
      <family val="2"/>
      <scheme val="minor"/>
    </font>
  </fonts>
  <fills count="10">
    <fill>
      <patternFill patternType="none"/>
    </fill>
    <fill>
      <patternFill patternType="gray125"/>
    </fill>
    <fill>
      <patternFill patternType="solid">
        <fgColor theme="4" tint="0.59999389629810485"/>
        <bgColor indexed="64"/>
      </patternFill>
    </fill>
    <fill>
      <patternFill patternType="solid">
        <fgColor theme="7" tint="0.59999389629810485"/>
        <bgColor indexed="64"/>
      </patternFill>
    </fill>
    <fill>
      <patternFill patternType="solid">
        <fgColor theme="5" tint="0.59999389629810485"/>
        <bgColor indexed="64"/>
      </patternFill>
    </fill>
    <fill>
      <patternFill patternType="solid">
        <fgColor theme="9" tint="0.59999389629810485"/>
        <bgColor indexed="64"/>
      </patternFill>
    </fill>
    <fill>
      <patternFill patternType="solid">
        <fgColor theme="6" tint="0.59999389629810485"/>
        <bgColor indexed="64"/>
      </patternFill>
    </fill>
    <fill>
      <patternFill patternType="solid">
        <fgColor theme="0" tint="-0.14999847407452621"/>
        <bgColor indexed="64"/>
      </patternFill>
    </fill>
    <fill>
      <patternFill patternType="solid">
        <fgColor rgb="FFD9D9D9"/>
        <bgColor indexed="64"/>
      </patternFill>
    </fill>
    <fill>
      <patternFill patternType="solid">
        <fgColor theme="7" tint="0.39997558519241921"/>
        <bgColor indexed="64"/>
      </patternFill>
    </fill>
  </fills>
  <borders count="1">
    <border>
      <left/>
      <right/>
      <top/>
      <bottom/>
      <diagonal/>
    </border>
  </borders>
  <cellStyleXfs count="2">
    <xf numFmtId="0" fontId="0" fillId="0" borderId="0"/>
    <xf numFmtId="0" fontId="3" fillId="0" borderId="0" applyNumberFormat="0" applyFill="0" applyBorder="0" applyAlignment="0" applyProtection="0"/>
  </cellStyleXfs>
  <cellXfs count="48">
    <xf numFmtId="0" fontId="0" fillId="0" borderId="0" xfId="0"/>
    <xf numFmtId="0" fontId="2" fillId="0" borderId="0" xfId="0" applyFont="1" applyAlignment="1">
      <alignment vertical="center" wrapText="1"/>
    </xf>
    <xf numFmtId="0" fontId="4" fillId="0" borderId="0" xfId="0" applyFont="1" applyAlignment="1">
      <alignment vertical="center" wrapText="1"/>
    </xf>
    <xf numFmtId="0" fontId="3" fillId="0" borderId="0" xfId="1" applyBorder="1" applyAlignment="1">
      <alignment vertical="center" wrapText="1"/>
    </xf>
    <xf numFmtId="0" fontId="3" fillId="0" borderId="0" xfId="1" applyFill="1" applyBorder="1" applyAlignment="1">
      <alignment vertical="center" wrapText="1"/>
    </xf>
    <xf numFmtId="0" fontId="6" fillId="0" borderId="0" xfId="0" applyFont="1" applyAlignment="1">
      <alignment wrapText="1"/>
    </xf>
    <xf numFmtId="0" fontId="3" fillId="0" borderId="0" xfId="1" applyBorder="1" applyAlignment="1">
      <alignment wrapText="1"/>
    </xf>
    <xf numFmtId="0" fontId="2" fillId="0" borderId="0" xfId="0" applyFont="1" applyAlignment="1">
      <alignment horizontal="center" vertical="center" wrapText="1"/>
    </xf>
    <xf numFmtId="0" fontId="0" fillId="0" borderId="0" xfId="0" applyAlignment="1">
      <alignment horizontal="center" vertical="center" wrapText="1"/>
    </xf>
    <xf numFmtId="0" fontId="3" fillId="0" borderId="0" xfId="1" applyBorder="1" applyAlignment="1">
      <alignment horizontal="center" vertical="center" wrapText="1"/>
    </xf>
    <xf numFmtId="0" fontId="3" fillId="0" borderId="0" xfId="1" applyBorder="1" applyAlignment="1">
      <alignment horizontal="center"/>
    </xf>
    <xf numFmtId="0" fontId="3" fillId="0" borderId="0" xfId="1" applyBorder="1"/>
    <xf numFmtId="0" fontId="2" fillId="3" borderId="0" xfId="0" applyFont="1" applyFill="1" applyAlignment="1">
      <alignment horizontal="center" vertical="center" wrapText="1"/>
    </xf>
    <xf numFmtId="0" fontId="0" fillId="3" borderId="0" xfId="0" applyFill="1" applyAlignment="1">
      <alignment horizontal="center" vertical="center" wrapText="1"/>
    </xf>
    <xf numFmtId="0" fontId="2" fillId="4" borderId="0" xfId="0" applyFont="1" applyFill="1" applyAlignment="1">
      <alignment horizontal="center" vertical="center" wrapText="1"/>
    </xf>
    <xf numFmtId="0" fontId="7" fillId="5" borderId="0" xfId="0" applyFont="1" applyFill="1" applyAlignment="1">
      <alignment horizontal="center" vertical="center" wrapText="1"/>
    </xf>
    <xf numFmtId="0" fontId="8" fillId="5" borderId="0" xfId="0" applyFont="1" applyFill="1" applyAlignment="1">
      <alignment horizontal="center" vertical="center" wrapText="1"/>
    </xf>
    <xf numFmtId="0" fontId="0" fillId="4" borderId="0" xfId="0" applyFill="1" applyAlignment="1">
      <alignment horizontal="center" vertical="center" wrapText="1"/>
    </xf>
    <xf numFmtId="0" fontId="0" fillId="2" borderId="0" xfId="0" applyFill="1" applyAlignment="1">
      <alignment horizontal="center" vertical="center" wrapText="1"/>
    </xf>
    <xf numFmtId="0" fontId="0" fillId="5" borderId="0" xfId="0" applyFill="1" applyAlignment="1">
      <alignment horizontal="center" vertical="center" wrapText="1"/>
    </xf>
    <xf numFmtId="0" fontId="3" fillId="0" borderId="0" xfId="1" applyFill="1" applyBorder="1"/>
    <xf numFmtId="0" fontId="5" fillId="4" borderId="0" xfId="0" applyFont="1" applyFill="1" applyAlignment="1">
      <alignment horizontal="center" vertical="center" wrapText="1"/>
    </xf>
    <xf numFmtId="0" fontId="3" fillId="4" borderId="0" xfId="1" applyFill="1" applyBorder="1" applyAlignment="1">
      <alignment horizontal="center" vertical="center" wrapText="1"/>
    </xf>
    <xf numFmtId="0" fontId="3" fillId="5" borderId="0" xfId="1" applyFill="1" applyBorder="1" applyAlignment="1">
      <alignment horizontal="center" vertical="center" wrapText="1"/>
    </xf>
    <xf numFmtId="0" fontId="3" fillId="7" borderId="0" xfId="1" applyFill="1" applyBorder="1" applyAlignment="1">
      <alignment horizontal="center" vertical="center" wrapText="1"/>
    </xf>
    <xf numFmtId="0" fontId="6" fillId="4" borderId="0" xfId="0" applyFont="1" applyFill="1" applyAlignment="1">
      <alignment horizontal="center" vertical="center" wrapText="1"/>
    </xf>
    <xf numFmtId="0" fontId="8" fillId="4" borderId="0" xfId="0" applyFont="1" applyFill="1" applyAlignment="1">
      <alignment vertical="center" wrapText="1"/>
    </xf>
    <xf numFmtId="0" fontId="2" fillId="2" borderId="0" xfId="0" applyFont="1" applyFill="1" applyAlignment="1">
      <alignment horizontal="center" vertical="center" wrapText="1"/>
    </xf>
    <xf numFmtId="0" fontId="3" fillId="2" borderId="0" xfId="1" applyFill="1" applyBorder="1" applyAlignment="1">
      <alignment horizontal="center" vertical="center" wrapText="1"/>
    </xf>
    <xf numFmtId="0" fontId="3" fillId="3" borderId="0" xfId="1" applyFill="1" applyBorder="1" applyAlignment="1">
      <alignment horizontal="center" vertical="center" wrapText="1"/>
    </xf>
    <xf numFmtId="0" fontId="7" fillId="7" borderId="0" xfId="0" applyFont="1" applyFill="1" applyAlignment="1">
      <alignment horizontal="center" vertical="center" wrapText="1"/>
    </xf>
    <xf numFmtId="0" fontId="0" fillId="7" borderId="0" xfId="0" applyFill="1" applyAlignment="1">
      <alignment horizontal="center" vertical="center" wrapText="1"/>
    </xf>
    <xf numFmtId="0" fontId="8" fillId="7" borderId="0" xfId="0" applyFont="1" applyFill="1" applyAlignment="1">
      <alignment horizontal="center" vertical="center" wrapText="1"/>
    </xf>
    <xf numFmtId="17" fontId="7" fillId="7" borderId="0" xfId="0" applyNumberFormat="1" applyFont="1" applyFill="1" applyAlignment="1">
      <alignment horizontal="center" vertical="center" wrapText="1"/>
    </xf>
    <xf numFmtId="0" fontId="9" fillId="0" borderId="0" xfId="0" applyFont="1"/>
    <xf numFmtId="0" fontId="1" fillId="0" borderId="0" xfId="0" applyFont="1"/>
    <xf numFmtId="0" fontId="0" fillId="3" borderId="0" xfId="0" applyFill="1"/>
    <xf numFmtId="0" fontId="0" fillId="2" borderId="0" xfId="0" applyFill="1"/>
    <xf numFmtId="0" fontId="0" fillId="4" borderId="0" xfId="0" applyFill="1"/>
    <xf numFmtId="0" fontId="0" fillId="5" borderId="0" xfId="0" applyFill="1"/>
    <xf numFmtId="0" fontId="0" fillId="6" borderId="0" xfId="0" applyFill="1"/>
    <xf numFmtId="0" fontId="0" fillId="8" borderId="0" xfId="0" applyFill="1" applyAlignment="1">
      <alignment horizontal="center" vertical="center" wrapText="1"/>
    </xf>
    <xf numFmtId="0" fontId="3" fillId="8" borderId="0" xfId="1" applyFill="1" applyAlignment="1">
      <alignment horizontal="center" vertical="center" wrapText="1"/>
    </xf>
    <xf numFmtId="0" fontId="7" fillId="9" borderId="0" xfId="0" applyFont="1" applyFill="1" applyAlignment="1">
      <alignment horizontal="center" vertical="center" wrapText="1"/>
    </xf>
    <xf numFmtId="0" fontId="0" fillId="9" borderId="0" xfId="0" applyFill="1" applyAlignment="1">
      <alignment horizontal="center" vertical="center" wrapText="1"/>
    </xf>
    <xf numFmtId="0" fontId="8" fillId="9" borderId="0" xfId="0" applyFont="1" applyFill="1" applyAlignment="1">
      <alignment horizontal="center" vertical="center" wrapText="1"/>
    </xf>
    <xf numFmtId="0" fontId="3" fillId="9" borderId="0" xfId="1" applyFill="1" applyBorder="1" applyAlignment="1">
      <alignment horizontal="center" vertical="center" wrapText="1"/>
    </xf>
    <xf numFmtId="0" fontId="0" fillId="9" borderId="0" xfId="0" applyFill="1"/>
  </cellXfs>
  <cellStyles count="2">
    <cellStyle name="Hyperlink" xfId="1" builtinId="8"/>
    <cellStyle name="Normal" xfId="0" builtinId="0"/>
  </cellStyles>
  <dxfs count="10">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alignment horizontal="center" vertical="center" textRotation="0" wrapText="1" indent="0" justifyLastLine="0" shrinkToFit="0" readingOrder="0"/>
    </dxf>
    <dxf>
      <fill>
        <patternFill patternType="solid">
          <fgColor indexed="64"/>
          <bgColor rgb="FFFFFF00"/>
        </patternFill>
      </fill>
      <alignment horizontal="center" vertical="center" textRotation="0" wrapText="1" indent="0" justifyLastLine="0" shrinkToFit="0" readingOrder="0"/>
    </dxf>
    <dxf>
      <alignment horizontal="center" vertical="center" textRotation="0" wrapText="1" indent="0" justifyLastLine="0" shrinkToFit="0" readingOrder="0"/>
    </dxf>
  </dxfs>
  <tableStyles count="1" defaultTableStyle="TableStyleMedium2" defaultPivotStyle="PivotStyleLight16">
    <tableStyle name="PivotTable Style 1" table="0" count="0" xr9:uid="{00000000-0011-0000-FFFF-FFFF00000000}"/>
  </tableStyles>
  <colors>
    <mruColors>
      <color rgb="FFFF66FF"/>
      <color rgb="FFFFFF99"/>
      <color rgb="FF33CC33"/>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theme" Target="theme/theme1.xml"/><Relationship Id="rId7" Type="http://schemas.openxmlformats.org/officeDocument/2006/relationships/customXml" Target="../customXml/item1.xml"/><Relationship Id="rId2" Type="http://schemas.microsoft.com/office/2007/relationships/slicerCache" Target="slicerCaches/slicerCache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 Id="rId9" Type="http://schemas.openxmlformats.org/officeDocument/2006/relationships/customXml" Target="../customXml/item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absolute">
    <xdr:from>
      <xdr:col>0</xdr:col>
      <xdr:colOff>571500</xdr:colOff>
      <xdr:row>3</xdr:row>
      <xdr:rowOff>85726</xdr:rowOff>
    </xdr:from>
    <xdr:to>
      <xdr:col>1</xdr:col>
      <xdr:colOff>1088572</xdr:colOff>
      <xdr:row>11</xdr:row>
      <xdr:rowOff>353580</xdr:rowOff>
    </xdr:to>
    <mc:AlternateContent xmlns:mc="http://schemas.openxmlformats.org/markup-compatibility/2006" xmlns:sle15="http://schemas.microsoft.com/office/drawing/2012/slicer">
      <mc:Choice Requires="sle15">
        <xdr:graphicFrame macro="">
          <xdr:nvGraphicFramePr>
            <xdr:cNvPr id="8" name="Type of Funding Required">
              <a:extLst>
                <a:ext uri="{FF2B5EF4-FFF2-40B4-BE49-F238E27FC236}">
                  <a16:creationId xmlns:a16="http://schemas.microsoft.com/office/drawing/2014/main" id="{00000000-0008-0000-0000-000008000000}"/>
                </a:ext>
              </a:extLst>
            </xdr:cNvPr>
            <xdr:cNvGraphicFramePr/>
          </xdr:nvGraphicFramePr>
          <xdr:xfrm>
            <a:off x="0" y="0"/>
            <a:ext cx="0" cy="0"/>
          </xdr:xfrm>
          <a:graphic>
            <a:graphicData uri="http://schemas.microsoft.com/office/drawing/2010/slicer">
              <sle:slicer xmlns:sle="http://schemas.microsoft.com/office/drawing/2010/slicer" name="Type of Funding Required"/>
            </a:graphicData>
          </a:graphic>
        </xdr:graphicFrame>
      </mc:Choice>
      <mc:Fallback xmlns="">
        <xdr:sp macro="" textlink="">
          <xdr:nvSpPr>
            <xdr:cNvPr id="0" name=""/>
            <xdr:cNvSpPr>
              <a:spLocks noTextEdit="1"/>
            </xdr:cNvSpPr>
          </xdr:nvSpPr>
          <xdr:spPr>
            <a:xfrm>
              <a:off x="571500" y="736601"/>
              <a:ext cx="4225472" cy="1752600"/>
            </a:xfrm>
            <a:prstGeom prst="rect">
              <a:avLst/>
            </a:prstGeom>
            <a:solidFill>
              <a:prstClr val="white"/>
            </a:solidFill>
            <a:ln w="1">
              <a:solidFill>
                <a:prstClr val="green"/>
              </a:solidFill>
            </a:ln>
          </xdr:spPr>
          <xdr:txBody>
            <a:bodyPr vertOverflow="clip" horzOverflow="clip"/>
            <a:lstStyle/>
            <a:p>
              <a:r>
                <a:rPr lang="en-GB" sz="1100"/>
                <a:t>This shape represents a table slicer. Table slicers are not supported in this version of Excel.
If the shape was modified in an earlier version of Excel, or if the workbook was saved in Excel 2007 or earlier, the slicer can’t be used.</a:t>
              </a:r>
            </a:p>
          </xdr:txBody>
        </xdr:sp>
      </mc:Fallback>
    </mc:AlternateContent>
    <xdr:clientData/>
  </xdr:twoCellAnchor>
  <xdr:twoCellAnchor editAs="oneCell">
    <xdr:from>
      <xdr:col>7</xdr:col>
      <xdr:colOff>123825</xdr:colOff>
      <xdr:row>0</xdr:row>
      <xdr:rowOff>142875</xdr:rowOff>
    </xdr:from>
    <xdr:to>
      <xdr:col>7</xdr:col>
      <xdr:colOff>2811977</xdr:colOff>
      <xdr:row>6</xdr:row>
      <xdr:rowOff>37411</xdr:rowOff>
    </xdr:to>
    <xdr:pic>
      <xdr:nvPicPr>
        <xdr:cNvPr id="3" name="Picture 2">
          <a:extLst>
            <a:ext uri="{FF2B5EF4-FFF2-40B4-BE49-F238E27FC236}">
              <a16:creationId xmlns:a16="http://schemas.microsoft.com/office/drawing/2014/main" id="{2E62143D-DD54-3C4A-B6C0-F658F59DA010}"/>
            </a:ext>
            <a:ext uri="{147F2762-F138-4A5C-976F-8EAC2B608ADB}">
              <a16:predDERef xmlns:a16="http://schemas.microsoft.com/office/drawing/2014/main" pred="{00000000-0008-0000-0000-000008000000}"/>
            </a:ext>
          </a:extLst>
        </xdr:cNvPr>
        <xdr:cNvPicPr>
          <a:picLocks noChangeAspect="1"/>
        </xdr:cNvPicPr>
      </xdr:nvPicPr>
      <xdr:blipFill>
        <a:blip xmlns:r="http://schemas.openxmlformats.org/officeDocument/2006/relationships" r:embed="rId1"/>
        <a:stretch>
          <a:fillRect/>
        </a:stretch>
      </xdr:blipFill>
      <xdr:spPr>
        <a:xfrm>
          <a:off x="13954125" y="142875"/>
          <a:ext cx="2691327" cy="1113736"/>
        </a:xfrm>
        <a:prstGeom prst="rect">
          <a:avLst/>
        </a:prstGeom>
      </xdr:spPr>
    </xdr:pic>
    <xdr:clientData/>
  </xdr:twoCellAnchor>
</xdr:wsDr>
</file>

<file path=xl/slicerCaches/slicerCache1.xml><?xml version="1.0" encoding="utf-8"?>
<slicerCacheDefinition xmlns="http://schemas.microsoft.com/office/spreadsheetml/2009/9/main" xmlns:mc="http://schemas.openxmlformats.org/markup-compatibility/2006" xmlns:x="http://schemas.openxmlformats.org/spreadsheetml/2006/main" xmlns:xr10="http://schemas.microsoft.com/office/spreadsheetml/2016/revision10" mc:Ignorable="x xr10" name="Slicer_Type_of_Funding_Required" xr10:uid="{00000000-0013-0000-FFFF-FFFF01000000}" sourceName="Type of Funding Required">
  <extLst>
    <x:ext xmlns:x15="http://schemas.microsoft.com/office/spreadsheetml/2010/11/main" uri="{2F2917AC-EB37-4324-AD4E-5DD8C200BD13}">
      <x15:tableSlicerCache tableId="1" column="1"/>
    </x:ext>
    <x:ext xmlns:x15="http://schemas.microsoft.com/office/spreadsheetml/2010/11/main" uri="{470722E0-AACD-4C17-9CDC-17EF765DBC7E}">
      <x15:slicerCacheHideItemsWithNoData/>
    </x:ext>
  </extLst>
</slicerCacheDefinition>
</file>

<file path=xl/slicers/slicer1.xml><?xml version="1.0" encoding="utf-8"?>
<slicers xmlns="http://schemas.microsoft.com/office/spreadsheetml/2009/9/main" xmlns:mc="http://schemas.openxmlformats.org/markup-compatibility/2006" xmlns:x="http://schemas.openxmlformats.org/spreadsheetml/2006/main" xmlns:xr10="http://schemas.microsoft.com/office/spreadsheetml/2016/revision10" mc:Ignorable="x xr10">
  <slicer name="Type of Funding Required" xr10:uid="{00000000-0014-0000-FFFF-FFFF01000000}" cache="Slicer_Type_of_Funding_Required" caption="Type of Funding Required" startItem="2" rowHeight="241300"/>
</slicer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0000000-000C-0000-FFFF-FFFF00000000}" name="Table1" displayName="Table1" ref="A16:I39" totalsRowShown="0" dataDxfId="9">
  <autoFilter ref="A16:I39" xr:uid="{00000000-0009-0000-0100-000001000000}"/>
  <sortState xmlns:xlrd2="http://schemas.microsoft.com/office/spreadsheetml/2017/richdata2" ref="A17:H38">
    <sortCondition ref="A18"/>
  </sortState>
  <tableColumns count="9">
    <tableColumn id="1" xr3:uid="{00000000-0010-0000-0000-000001000000}" name="Type of Funding Required" dataDxfId="8"/>
    <tableColumn id="2" xr3:uid="{00000000-0010-0000-0000-000002000000}" name="Provider" dataDxfId="7"/>
    <tableColumn id="3" xr3:uid="{00000000-0010-0000-0000-000003000000}" name="Name of fund:" dataDxfId="6"/>
    <tableColumn id="4" xr3:uid="{00000000-0010-0000-0000-000004000000}" name="Value of fund (Maximum / Minimum):" dataDxfId="5"/>
    <tableColumn id="5" xr3:uid="{00000000-0010-0000-0000-000005000000}" name="Fund opening date (if applicable):" dataDxfId="4"/>
    <tableColumn id="6" xr3:uid="{00000000-0010-0000-0000-000006000000}" name="Fund closing date (if applicable):" dataDxfId="3"/>
    <tableColumn id="8" xr3:uid="{00000000-0010-0000-0000-000008000000}" name="Fund Schedule" dataDxfId="2"/>
    <tableColumn id="9" xr3:uid="{00000000-0010-0000-0000-000009000000}" name="Any restrictions?" dataDxfId="1"/>
    <tableColumn id="7" xr3:uid="{00000000-0010-0000-0000-000007000000}" name="Where to find more?" dataDxfId="0"/>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s://www.cycling.scot/what-we-do/cycling-friendly/campus" TargetMode="External"/><Relationship Id="rId13" Type="http://schemas.openxmlformats.org/officeDocument/2006/relationships/hyperlink" Target="https://www.pathsforall.org.uk/active-travel/smarter-choices-smarter-places/open-fund" TargetMode="External"/><Relationship Id="rId18" Type="http://schemas.openxmlformats.org/officeDocument/2006/relationships/drawing" Target="../drawings/drawing1.xml"/><Relationship Id="rId3" Type="http://schemas.openxmlformats.org/officeDocument/2006/relationships/hyperlink" Target="http://www.energysavingtrust.org.uk/scotland/grants-loans/ebike-business-loan" TargetMode="External"/><Relationship Id="rId7" Type="http://schemas.openxmlformats.org/officeDocument/2006/relationships/hyperlink" Target="http://www.tnlcommunityfund.org.uk/" TargetMode="External"/><Relationship Id="rId12" Type="http://schemas.openxmlformats.org/officeDocument/2006/relationships/hyperlink" Target="https://www.gov.scot/publications/scottish-central-government-energy-efficiency-grant-scheme-form-and-guidance/pages/overview/" TargetMode="External"/><Relationship Id="rId17" Type="http://schemas.openxmlformats.org/officeDocument/2006/relationships/printerSettings" Target="../printerSettings/printerSettings1.bin"/><Relationship Id="rId2" Type="http://schemas.openxmlformats.org/officeDocument/2006/relationships/hyperlink" Target="http://www.energysavingtrust.org.uk/scotland/grants-loans/low-carbon-transport-business-loan" TargetMode="External"/><Relationship Id="rId16" Type="http://schemas.openxmlformats.org/officeDocument/2006/relationships/hyperlink" Target="https://energysavingtrust.org.uk/grants-and-loans/ebike-grant-fund/" TargetMode="External"/><Relationship Id="rId20" Type="http://schemas.microsoft.com/office/2007/relationships/slicer" Target="../slicers/slicer1.xml"/><Relationship Id="rId1" Type="http://schemas.openxmlformats.org/officeDocument/2006/relationships/hyperlink" Target="https://www.foundationscotland.org.uk/communities/funds/" TargetMode="External"/><Relationship Id="rId6" Type="http://schemas.openxmlformats.org/officeDocument/2006/relationships/hyperlink" Target="https://www.salixfinance.co.uk/loans/scotland-loans" TargetMode="External"/><Relationship Id="rId11" Type="http://schemas.openxmlformats.org/officeDocument/2006/relationships/hyperlink" Target="https://garfieldweston.org/apply-to-us/how-to-apply/" TargetMode="External"/><Relationship Id="rId5" Type="http://schemas.openxmlformats.org/officeDocument/2006/relationships/hyperlink" Target="https://www.sepa.org.uk/environment/waste/scottish-landfill-communities-fund/" TargetMode="External"/><Relationship Id="rId15" Type="http://schemas.openxmlformats.org/officeDocument/2006/relationships/hyperlink" Target="https://www.sserenewables.com/communities/sustainable-development-fund/" TargetMode="External"/><Relationship Id="rId10" Type="http://schemas.openxmlformats.org/officeDocument/2006/relationships/hyperlink" Target="https://www.therobertsontrust.org.uk/" TargetMode="External"/><Relationship Id="rId19" Type="http://schemas.openxmlformats.org/officeDocument/2006/relationships/table" Target="../tables/table1.xml"/><Relationship Id="rId4" Type="http://schemas.openxmlformats.org/officeDocument/2006/relationships/hyperlink" Target="https://energysavingtrust.org.uk/grants-and-loans/business-charge-point-funding/" TargetMode="External"/><Relationship Id="rId9" Type="http://schemas.openxmlformats.org/officeDocument/2006/relationships/hyperlink" Target="https://www.cycling.scot/what-we-do/cycling-friendly/campus" TargetMode="External"/><Relationship Id="rId14" Type="http://schemas.openxmlformats.org/officeDocument/2006/relationships/hyperlink" Target="https://www.cyclinguk.org/cycle-share-fund"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Q52"/>
  <sheetViews>
    <sheetView tabSelected="1" zoomScale="55" zoomScaleNormal="55" workbookViewId="0">
      <selection activeCell="O38" sqref="O38"/>
    </sheetView>
  </sheetViews>
  <sheetFormatPr defaultColWidth="8.81640625" defaultRowHeight="14.5" x14ac:dyDescent="0.35"/>
  <cols>
    <col min="1" max="1" width="48.7265625" customWidth="1"/>
    <col min="2" max="2" width="39.81640625" customWidth="1"/>
    <col min="3" max="3" width="28.81640625" customWidth="1"/>
    <col min="4" max="4" width="36.7265625" customWidth="1"/>
    <col min="5" max="5" width="19.1796875" bestFit="1" customWidth="1"/>
    <col min="6" max="6" width="21.453125" bestFit="1" customWidth="1"/>
    <col min="7" max="7" width="18.453125" bestFit="1" customWidth="1"/>
    <col min="8" max="9" width="43.1796875" customWidth="1"/>
  </cols>
  <sheetData>
    <row r="1" spans="1:9" ht="21" x14ac:dyDescent="0.5">
      <c r="A1" s="34" t="s">
        <v>142</v>
      </c>
    </row>
    <row r="2" spans="1:9" x14ac:dyDescent="0.35">
      <c r="A2" t="s">
        <v>143</v>
      </c>
    </row>
    <row r="5" spans="1:9" x14ac:dyDescent="0.35">
      <c r="C5" s="35" t="s">
        <v>0</v>
      </c>
      <c r="D5" s="35" t="s">
        <v>1</v>
      </c>
    </row>
    <row r="6" spans="1:9" x14ac:dyDescent="0.35">
      <c r="C6" s="36" t="s">
        <v>2</v>
      </c>
      <c r="D6" s="36">
        <f>COUNTIF(A17:A65, "*Sustainable Travel*")</f>
        <v>4</v>
      </c>
    </row>
    <row r="7" spans="1:9" x14ac:dyDescent="0.35">
      <c r="C7" s="37" t="s">
        <v>3</v>
      </c>
      <c r="D7" s="37">
        <f>COUNTIF(A17:A65, "*Electric Vehicles*")</f>
        <v>5</v>
      </c>
    </row>
    <row r="8" spans="1:9" x14ac:dyDescent="0.35">
      <c r="C8" s="38" t="s">
        <v>4</v>
      </c>
      <c r="D8" s="38">
        <f>COUNTIF(A18:A65, "*Community*")</f>
        <v>4</v>
      </c>
    </row>
    <row r="9" spans="1:9" x14ac:dyDescent="0.35">
      <c r="C9" s="39" t="s">
        <v>141</v>
      </c>
      <c r="D9" s="39">
        <f>COUNTIF(A17:A66, "*Non-Specific*")</f>
        <v>2</v>
      </c>
    </row>
    <row r="10" spans="1:9" x14ac:dyDescent="0.35">
      <c r="C10" s="40" t="s">
        <v>5</v>
      </c>
      <c r="D10" s="40">
        <f>COUNTIF(A17:A67, "*Energy and Energy Efficiency*")</f>
        <v>5</v>
      </c>
    </row>
    <row r="11" spans="1:9" x14ac:dyDescent="0.35">
      <c r="C11" s="47" t="s">
        <v>114</v>
      </c>
      <c r="D11" s="47">
        <f>COUNTIF(A17:A67, "*Tree Planting*")</f>
        <v>3</v>
      </c>
    </row>
    <row r="12" spans="1:9" ht="32" customHeight="1" x14ac:dyDescent="0.35">
      <c r="C12" s="35" t="s">
        <v>6</v>
      </c>
      <c r="D12">
        <f>SUM(D6:D11)</f>
        <v>23</v>
      </c>
    </row>
    <row r="14" spans="1:9" ht="32.15" customHeight="1" x14ac:dyDescent="0.35"/>
    <row r="16" spans="1:9" x14ac:dyDescent="0.35">
      <c r="A16" t="s">
        <v>7</v>
      </c>
      <c r="B16" t="s">
        <v>8</v>
      </c>
      <c r="C16" t="s">
        <v>9</v>
      </c>
      <c r="D16" t="s">
        <v>10</v>
      </c>
      <c r="E16" t="s">
        <v>11</v>
      </c>
      <c r="F16" t="s">
        <v>12</v>
      </c>
      <c r="G16" t="s">
        <v>13</v>
      </c>
      <c r="H16" t="s">
        <v>14</v>
      </c>
      <c r="I16" t="s">
        <v>15</v>
      </c>
    </row>
    <row r="17" spans="1:17" ht="42" customHeight="1" x14ac:dyDescent="0.35">
      <c r="A17" s="12" t="s">
        <v>2</v>
      </c>
      <c r="B17" s="12" t="s">
        <v>16</v>
      </c>
      <c r="C17" s="12" t="s">
        <v>17</v>
      </c>
      <c r="D17" s="12" t="s">
        <v>18</v>
      </c>
      <c r="E17" s="12" t="s">
        <v>19</v>
      </c>
      <c r="F17" s="12" t="s">
        <v>20</v>
      </c>
      <c r="G17" s="12" t="s">
        <v>21</v>
      </c>
      <c r="H17" s="12" t="s">
        <v>22</v>
      </c>
      <c r="I17" s="29" t="s">
        <v>23</v>
      </c>
    </row>
    <row r="18" spans="1:17" ht="72" customHeight="1" x14ac:dyDescent="0.35">
      <c r="A18" s="12" t="s">
        <v>2</v>
      </c>
      <c r="B18" s="12" t="s">
        <v>24</v>
      </c>
      <c r="C18" s="12" t="s">
        <v>25</v>
      </c>
      <c r="D18" s="12" t="s">
        <v>26</v>
      </c>
      <c r="E18" s="12" t="s">
        <v>19</v>
      </c>
      <c r="F18" s="12" t="s">
        <v>27</v>
      </c>
      <c r="G18" s="12" t="s">
        <v>28</v>
      </c>
      <c r="H18" s="12" t="s">
        <v>144</v>
      </c>
      <c r="I18" s="29" t="s">
        <v>29</v>
      </c>
    </row>
    <row r="19" spans="1:17" ht="71.25" customHeight="1" x14ac:dyDescent="0.35">
      <c r="A19" s="12" t="s">
        <v>2</v>
      </c>
      <c r="B19" s="13" t="s">
        <v>24</v>
      </c>
      <c r="C19" s="13" t="s">
        <v>30</v>
      </c>
      <c r="D19" s="13" t="s">
        <v>31</v>
      </c>
      <c r="E19" s="12" t="s">
        <v>32</v>
      </c>
      <c r="F19" s="12" t="s">
        <v>33</v>
      </c>
      <c r="G19" s="12" t="s">
        <v>28</v>
      </c>
      <c r="H19" s="13" t="s">
        <v>34</v>
      </c>
      <c r="I19" s="29" t="s">
        <v>29</v>
      </c>
    </row>
    <row r="20" spans="1:17" ht="76" customHeight="1" x14ac:dyDescent="0.35">
      <c r="A20" s="12" t="s">
        <v>2</v>
      </c>
      <c r="B20" s="12" t="s">
        <v>35</v>
      </c>
      <c r="C20" s="12" t="s">
        <v>36</v>
      </c>
      <c r="D20" s="12" t="s">
        <v>37</v>
      </c>
      <c r="E20" s="12" t="s">
        <v>19</v>
      </c>
      <c r="F20" s="12" t="s">
        <v>38</v>
      </c>
      <c r="G20" s="12" t="s">
        <v>21</v>
      </c>
      <c r="H20" s="12" t="s">
        <v>39</v>
      </c>
      <c r="I20" s="29" t="s">
        <v>40</v>
      </c>
    </row>
    <row r="21" spans="1:17" ht="144" customHeight="1" x14ac:dyDescent="0.35">
      <c r="A21" s="14" t="s">
        <v>4</v>
      </c>
      <c r="B21" s="14" t="s">
        <v>41</v>
      </c>
      <c r="C21" s="14" t="s">
        <v>42</v>
      </c>
      <c r="D21" s="14" t="s">
        <v>43</v>
      </c>
      <c r="E21" s="14" t="s">
        <v>19</v>
      </c>
      <c r="F21" s="14" t="s">
        <v>20</v>
      </c>
      <c r="G21" s="14" t="s">
        <v>21</v>
      </c>
      <c r="H21" s="14" t="s">
        <v>44</v>
      </c>
      <c r="I21" s="22" t="s">
        <v>45</v>
      </c>
    </row>
    <row r="22" spans="1:17" ht="81" customHeight="1" x14ac:dyDescent="0.35">
      <c r="A22" s="14" t="s">
        <v>4</v>
      </c>
      <c r="B22" s="14" t="s">
        <v>46</v>
      </c>
      <c r="C22" s="14" t="s">
        <v>42</v>
      </c>
      <c r="D22" s="14" t="s">
        <v>47</v>
      </c>
      <c r="E22" s="14" t="s">
        <v>19</v>
      </c>
      <c r="F22" s="14" t="s">
        <v>20</v>
      </c>
      <c r="G22" s="14" t="s">
        <v>21</v>
      </c>
      <c r="H22" s="14" t="s">
        <v>48</v>
      </c>
      <c r="I22" s="22" t="s">
        <v>49</v>
      </c>
    </row>
    <row r="23" spans="1:17" ht="52" customHeight="1" x14ac:dyDescent="0.35">
      <c r="A23" s="25" t="s">
        <v>4</v>
      </c>
      <c r="B23" s="17" t="s">
        <v>50</v>
      </c>
      <c r="C23" s="17" t="s">
        <v>51</v>
      </c>
      <c r="D23" s="17" t="s">
        <v>52</v>
      </c>
      <c r="E23" s="17" t="s">
        <v>53</v>
      </c>
      <c r="F23" s="17" t="s">
        <v>53</v>
      </c>
      <c r="G23" s="17" t="s">
        <v>53</v>
      </c>
      <c r="H23" s="26" t="s">
        <v>54</v>
      </c>
      <c r="I23" s="22" t="s">
        <v>55</v>
      </c>
    </row>
    <row r="24" spans="1:17" ht="128.15" customHeight="1" x14ac:dyDescent="0.35">
      <c r="A24" s="25" t="s">
        <v>4</v>
      </c>
      <c r="B24" s="21" t="s">
        <v>56</v>
      </c>
      <c r="C24" s="17" t="s">
        <v>57</v>
      </c>
      <c r="D24" s="17" t="s">
        <v>52</v>
      </c>
      <c r="E24" s="17" t="s">
        <v>58</v>
      </c>
      <c r="F24" s="17" t="s">
        <v>58</v>
      </c>
      <c r="G24" s="17" t="s">
        <v>58</v>
      </c>
      <c r="H24" s="17" t="s">
        <v>59</v>
      </c>
      <c r="I24" s="22" t="s">
        <v>60</v>
      </c>
      <c r="J24" s="2"/>
      <c r="K24" s="2"/>
      <c r="L24" s="2"/>
      <c r="M24" s="2"/>
      <c r="N24" s="2"/>
    </row>
    <row r="25" spans="1:17" ht="59.15" customHeight="1" x14ac:dyDescent="0.35">
      <c r="A25" s="18" t="s">
        <v>3</v>
      </c>
      <c r="B25" s="18" t="s">
        <v>61</v>
      </c>
      <c r="C25" s="18" t="s">
        <v>62</v>
      </c>
      <c r="D25" s="18" t="s">
        <v>63</v>
      </c>
      <c r="E25" s="18" t="s">
        <v>19</v>
      </c>
      <c r="F25" s="18" t="s">
        <v>64</v>
      </c>
      <c r="G25" s="18" t="s">
        <v>33</v>
      </c>
      <c r="H25" s="27" t="s">
        <v>65</v>
      </c>
      <c r="I25" s="28" t="s">
        <v>66</v>
      </c>
      <c r="J25" s="1"/>
      <c r="K25" s="1"/>
      <c r="L25" s="4"/>
      <c r="M25" s="1"/>
      <c r="N25" s="1"/>
    </row>
    <row r="26" spans="1:17" ht="49" customHeight="1" x14ac:dyDescent="0.35">
      <c r="A26" s="18" t="s">
        <v>3</v>
      </c>
      <c r="B26" s="18" t="s">
        <v>61</v>
      </c>
      <c r="C26" s="18" t="s">
        <v>67</v>
      </c>
      <c r="D26" s="18" t="s">
        <v>68</v>
      </c>
      <c r="E26" s="18" t="s">
        <v>19</v>
      </c>
      <c r="F26" s="18" t="s">
        <v>64</v>
      </c>
      <c r="G26" s="18" t="s">
        <v>33</v>
      </c>
      <c r="H26" s="27" t="s">
        <v>48</v>
      </c>
      <c r="I26" s="28" t="s">
        <v>69</v>
      </c>
      <c r="J26" s="1"/>
      <c r="K26" s="1"/>
      <c r="L26" s="4"/>
      <c r="M26" s="1"/>
      <c r="N26" s="1"/>
    </row>
    <row r="27" spans="1:17" ht="50.15" customHeight="1" x14ac:dyDescent="0.35">
      <c r="A27" s="18" t="s">
        <v>3</v>
      </c>
      <c r="B27" s="18" t="s">
        <v>61</v>
      </c>
      <c r="C27" s="18" t="s">
        <v>70</v>
      </c>
      <c r="D27" s="18" t="s">
        <v>71</v>
      </c>
      <c r="E27" s="18" t="s">
        <v>19</v>
      </c>
      <c r="F27" s="18" t="s">
        <v>72</v>
      </c>
      <c r="G27" s="18" t="s">
        <v>73</v>
      </c>
      <c r="H27" s="27" t="s">
        <v>48</v>
      </c>
      <c r="I27" s="28" t="s">
        <v>74</v>
      </c>
      <c r="L27" s="4"/>
      <c r="M27" s="1"/>
      <c r="N27" s="1"/>
    </row>
    <row r="28" spans="1:17" ht="52" customHeight="1" x14ac:dyDescent="0.35">
      <c r="A28" s="18" t="s">
        <v>3</v>
      </c>
      <c r="B28" s="18" t="s">
        <v>61</v>
      </c>
      <c r="C28" s="18" t="s">
        <v>75</v>
      </c>
      <c r="D28" s="18" t="s">
        <v>76</v>
      </c>
      <c r="E28" s="18" t="s">
        <v>19</v>
      </c>
      <c r="F28" s="18" t="s">
        <v>33</v>
      </c>
      <c r="G28" s="18" t="s">
        <v>21</v>
      </c>
      <c r="H28" s="27" t="s">
        <v>77</v>
      </c>
      <c r="I28" s="28" t="s">
        <v>78</v>
      </c>
      <c r="O28" s="4"/>
      <c r="P28" s="1"/>
      <c r="Q28" s="1"/>
    </row>
    <row r="29" spans="1:17" ht="55" customHeight="1" x14ac:dyDescent="0.35">
      <c r="A29" s="18" t="s">
        <v>3</v>
      </c>
      <c r="B29" s="18" t="s">
        <v>79</v>
      </c>
      <c r="C29" s="18" t="s">
        <v>80</v>
      </c>
      <c r="D29" s="18" t="s">
        <v>52</v>
      </c>
      <c r="E29" s="18" t="s">
        <v>53</v>
      </c>
      <c r="F29" s="18" t="s">
        <v>53</v>
      </c>
      <c r="G29" s="18" t="s">
        <v>53</v>
      </c>
      <c r="H29" s="18" t="s">
        <v>81</v>
      </c>
      <c r="I29" s="18" t="s">
        <v>82</v>
      </c>
    </row>
    <row r="30" spans="1:17" ht="97.5" customHeight="1" x14ac:dyDescent="0.35">
      <c r="A30" s="31" t="s">
        <v>83</v>
      </c>
      <c r="B30" s="41" t="s">
        <v>84</v>
      </c>
      <c r="C30" s="41" t="s">
        <v>85</v>
      </c>
      <c r="D30" s="41" t="s">
        <v>86</v>
      </c>
      <c r="E30" s="41" t="s">
        <v>87</v>
      </c>
      <c r="F30" s="41" t="s">
        <v>87</v>
      </c>
      <c r="G30" s="41" t="s">
        <v>88</v>
      </c>
      <c r="H30" s="41" t="s">
        <v>89</v>
      </c>
      <c r="I30" s="42" t="s">
        <v>90</v>
      </c>
    </row>
    <row r="31" spans="1:17" ht="97.5" customHeight="1" x14ac:dyDescent="0.35">
      <c r="A31" s="31" t="s">
        <v>83</v>
      </c>
      <c r="B31" s="41" t="s">
        <v>84</v>
      </c>
      <c r="C31" s="41" t="s">
        <v>91</v>
      </c>
      <c r="D31" s="41" t="s">
        <v>52</v>
      </c>
      <c r="E31" s="41" t="s">
        <v>19</v>
      </c>
      <c r="F31" s="41" t="s">
        <v>92</v>
      </c>
      <c r="G31" s="41" t="s">
        <v>88</v>
      </c>
      <c r="H31" s="41" t="s">
        <v>93</v>
      </c>
      <c r="I31" s="42" t="s">
        <v>94</v>
      </c>
    </row>
    <row r="32" spans="1:17" ht="97.5" customHeight="1" x14ac:dyDescent="0.35">
      <c r="A32" s="30" t="s">
        <v>95</v>
      </c>
      <c r="B32" s="41" t="s">
        <v>96</v>
      </c>
      <c r="C32" s="41" t="s">
        <v>97</v>
      </c>
      <c r="D32" s="41" t="s">
        <v>98</v>
      </c>
      <c r="E32" s="41" t="s">
        <v>99</v>
      </c>
      <c r="F32" s="41" t="s">
        <v>100</v>
      </c>
      <c r="G32" s="41" t="s">
        <v>100</v>
      </c>
      <c r="H32" s="41" t="s">
        <v>101</v>
      </c>
      <c r="I32" s="42" t="s">
        <v>102</v>
      </c>
    </row>
    <row r="33" spans="1:14" ht="74.150000000000006" customHeight="1" x14ac:dyDescent="0.35">
      <c r="A33" s="30" t="s">
        <v>95</v>
      </c>
      <c r="B33" s="30" t="s">
        <v>103</v>
      </c>
      <c r="C33" s="30" t="s">
        <v>104</v>
      </c>
      <c r="D33" s="30" t="s">
        <v>105</v>
      </c>
      <c r="E33" s="33" t="s">
        <v>106</v>
      </c>
      <c r="F33" s="33" t="s">
        <v>107</v>
      </c>
      <c r="G33" s="30" t="s">
        <v>28</v>
      </c>
      <c r="H33" s="30" t="s">
        <v>108</v>
      </c>
      <c r="I33" s="31" t="s">
        <v>109</v>
      </c>
      <c r="N33" s="1"/>
    </row>
    <row r="34" spans="1:14" ht="60" customHeight="1" x14ac:dyDescent="0.35">
      <c r="A34" s="30" t="s">
        <v>95</v>
      </c>
      <c r="B34" s="30" t="s">
        <v>96</v>
      </c>
      <c r="C34" s="31" t="s">
        <v>110</v>
      </c>
      <c r="D34" s="31" t="s">
        <v>111</v>
      </c>
      <c r="E34" s="31" t="s">
        <v>19</v>
      </c>
      <c r="F34" s="32" t="s">
        <v>33</v>
      </c>
      <c r="G34" s="31" t="s">
        <v>28</v>
      </c>
      <c r="H34" s="31" t="s">
        <v>112</v>
      </c>
      <c r="I34" s="24" t="s">
        <v>113</v>
      </c>
    </row>
    <row r="35" spans="1:14" ht="60" customHeight="1" x14ac:dyDescent="0.35">
      <c r="A35" s="43" t="s">
        <v>114</v>
      </c>
      <c r="B35" s="43" t="s">
        <v>115</v>
      </c>
      <c r="C35" s="44" t="s">
        <v>132</v>
      </c>
      <c r="D35" s="44" t="s">
        <v>134</v>
      </c>
      <c r="E35" s="44" t="s">
        <v>19</v>
      </c>
      <c r="F35" s="45" t="s">
        <v>131</v>
      </c>
      <c r="G35" s="44" t="s">
        <v>130</v>
      </c>
      <c r="H35" s="44" t="s">
        <v>133</v>
      </c>
      <c r="I35" s="46" t="s">
        <v>129</v>
      </c>
    </row>
    <row r="36" spans="1:14" ht="60" customHeight="1" x14ac:dyDescent="0.35">
      <c r="A36" s="43" t="s">
        <v>114</v>
      </c>
      <c r="B36" s="43" t="s">
        <v>135</v>
      </c>
      <c r="C36" s="44" t="s">
        <v>136</v>
      </c>
      <c r="D36" s="44" t="s">
        <v>137</v>
      </c>
      <c r="E36" s="44" t="s">
        <v>19</v>
      </c>
      <c r="F36" s="45" t="s">
        <v>138</v>
      </c>
      <c r="G36" s="44" t="s">
        <v>21</v>
      </c>
      <c r="H36" s="44" t="s">
        <v>140</v>
      </c>
      <c r="I36" s="46" t="s">
        <v>139</v>
      </c>
    </row>
    <row r="37" spans="1:14" ht="60" customHeight="1" x14ac:dyDescent="0.35">
      <c r="A37" s="43" t="s">
        <v>114</v>
      </c>
      <c r="B37" s="43" t="s">
        <v>116</v>
      </c>
      <c r="C37" s="44"/>
      <c r="D37" s="44"/>
      <c r="E37" s="44"/>
      <c r="F37" s="45"/>
      <c r="G37" s="44"/>
      <c r="H37" s="44" t="s">
        <v>146</v>
      </c>
      <c r="I37" s="46" t="s">
        <v>145</v>
      </c>
    </row>
    <row r="38" spans="1:14" ht="270.75" customHeight="1" x14ac:dyDescent="0.35">
      <c r="A38" s="19" t="s">
        <v>117</v>
      </c>
      <c r="B38" s="19" t="s">
        <v>118</v>
      </c>
      <c r="C38" s="19" t="s">
        <v>119</v>
      </c>
      <c r="D38" s="19" t="s">
        <v>120</v>
      </c>
      <c r="E38" s="19" t="s">
        <v>53</v>
      </c>
      <c r="F38" s="19" t="s">
        <v>53</v>
      </c>
      <c r="G38" s="19" t="s">
        <v>121</v>
      </c>
      <c r="H38" s="19" t="s">
        <v>122</v>
      </c>
      <c r="I38" s="23" t="s">
        <v>123</v>
      </c>
    </row>
    <row r="39" spans="1:14" ht="82" customHeight="1" x14ac:dyDescent="0.35">
      <c r="A39" s="15" t="s">
        <v>117</v>
      </c>
      <c r="B39" s="16" t="s">
        <v>124</v>
      </c>
      <c r="C39" s="16" t="s">
        <v>125</v>
      </c>
      <c r="D39" s="16" t="s">
        <v>126</v>
      </c>
      <c r="E39" s="16" t="s">
        <v>19</v>
      </c>
      <c r="F39" s="16" t="s">
        <v>33</v>
      </c>
      <c r="G39" s="16" t="s">
        <v>33</v>
      </c>
      <c r="H39" s="16" t="s">
        <v>127</v>
      </c>
      <c r="I39" s="23" t="s">
        <v>128</v>
      </c>
      <c r="N39" s="3"/>
    </row>
    <row r="40" spans="1:14" x14ac:dyDescent="0.35">
      <c r="A40" s="5"/>
      <c r="B40" s="20"/>
    </row>
    <row r="41" spans="1:14" x14ac:dyDescent="0.35">
      <c r="A41" s="6"/>
    </row>
    <row r="43" spans="1:14" x14ac:dyDescent="0.35">
      <c r="A43" s="7"/>
      <c r="B43" s="7"/>
      <c r="C43" s="7"/>
      <c r="D43" s="8"/>
      <c r="E43" s="8"/>
      <c r="F43" s="8"/>
      <c r="G43" s="8"/>
      <c r="H43" s="8"/>
    </row>
    <row r="44" spans="1:14" x14ac:dyDescent="0.35">
      <c r="A44" s="7"/>
      <c r="B44" s="7"/>
      <c r="C44" s="7"/>
      <c r="D44" s="8"/>
      <c r="E44" s="8"/>
      <c r="F44" s="8"/>
      <c r="G44" s="8"/>
      <c r="H44" s="8"/>
      <c r="I44" s="8"/>
    </row>
    <row r="45" spans="1:14" x14ac:dyDescent="0.35">
      <c r="A45" s="7"/>
      <c r="B45" s="7"/>
      <c r="C45" s="7"/>
      <c r="D45" s="8"/>
      <c r="E45" s="8"/>
      <c r="F45" s="8"/>
      <c r="G45" s="8"/>
      <c r="H45" s="8"/>
      <c r="I45" s="8"/>
    </row>
    <row r="46" spans="1:14" x14ac:dyDescent="0.35">
      <c r="A46" s="7"/>
      <c r="B46" s="7"/>
      <c r="C46" s="7"/>
      <c r="D46" s="8"/>
      <c r="E46" s="8"/>
      <c r="F46" s="8"/>
      <c r="G46" s="8"/>
      <c r="H46" s="8"/>
      <c r="I46" s="8"/>
    </row>
    <row r="47" spans="1:14" x14ac:dyDescent="0.35">
      <c r="A47" s="7"/>
      <c r="B47" s="7"/>
      <c r="C47" s="7"/>
      <c r="D47" s="8"/>
      <c r="E47" s="8"/>
      <c r="F47" s="8"/>
      <c r="G47" s="8"/>
      <c r="H47" s="8"/>
      <c r="I47" s="8"/>
    </row>
    <row r="48" spans="1:14" x14ac:dyDescent="0.35">
      <c r="A48" s="7"/>
      <c r="B48" s="7"/>
      <c r="C48" s="7"/>
      <c r="D48" s="8"/>
      <c r="E48" s="8"/>
      <c r="F48" s="8"/>
      <c r="G48" s="8"/>
      <c r="H48" s="8"/>
      <c r="I48" s="8"/>
    </row>
    <row r="49" spans="1:9" x14ac:dyDescent="0.35">
      <c r="A49" s="7"/>
      <c r="B49" s="7"/>
      <c r="C49" s="7"/>
      <c r="D49" s="8"/>
      <c r="E49" s="8"/>
      <c r="F49" s="8"/>
      <c r="G49" s="8"/>
      <c r="H49" s="8"/>
      <c r="I49" s="8"/>
    </row>
    <row r="50" spans="1:9" x14ac:dyDescent="0.35">
      <c r="A50" s="7"/>
      <c r="B50" s="7"/>
      <c r="C50" s="7"/>
      <c r="D50" s="8"/>
      <c r="E50" s="8"/>
      <c r="F50" s="8"/>
      <c r="G50" s="8"/>
      <c r="H50" s="8"/>
      <c r="I50" s="8"/>
    </row>
    <row r="51" spans="1:9" x14ac:dyDescent="0.35">
      <c r="A51" s="9"/>
      <c r="B51" s="9"/>
      <c r="C51" s="9"/>
      <c r="D51" s="10"/>
      <c r="E51" s="9"/>
      <c r="F51" s="11"/>
      <c r="G51" s="9"/>
      <c r="H51" s="9"/>
      <c r="I51" s="8"/>
    </row>
    <row r="52" spans="1:9" x14ac:dyDescent="0.35">
      <c r="I52" s="9"/>
    </row>
  </sheetData>
  <hyperlinks>
    <hyperlink ref="I23" r:id="rId1" xr:uid="{00000000-0004-0000-0000-000008000000}"/>
    <hyperlink ref="I25" r:id="rId2" display="http://www.energysavingtrust.org.uk/scotland/grants-loans/low-carbon-transport-business-loan" xr:uid="{00000000-0004-0000-0000-00000A000000}"/>
    <hyperlink ref="I26" r:id="rId3" display="http://www.energysavingtrust.org.uk/scotland/grants-loans/ebike-business-loan" xr:uid="{00000000-0004-0000-0000-00000B000000}"/>
    <hyperlink ref="I28" r:id="rId4" xr:uid="{00000000-0004-0000-0000-00000D000000}"/>
    <hyperlink ref="I38" r:id="rId5" xr:uid="{00000000-0004-0000-0000-000010000000}"/>
    <hyperlink ref="I34" r:id="rId6" xr:uid="{00000000-0004-0000-0000-000011000000}"/>
    <hyperlink ref="I39" r:id="rId7" xr:uid="{00000000-0004-0000-0000-000012000000}"/>
    <hyperlink ref="I18" r:id="rId8" xr:uid="{00000000-0004-0000-0000-000001000000}"/>
    <hyperlink ref="I19" r:id="rId9" xr:uid="{0B3B8809-A85C-B745-BE8B-07777FF4728D}"/>
    <hyperlink ref="I21" r:id="rId10" xr:uid="{554CE0E5-6EB7-3646-8304-1CE5C98E6F02}"/>
    <hyperlink ref="I22" r:id="rId11" xr:uid="{7F4EEB01-D7D2-6946-9A76-C1FED98FFBDA}"/>
    <hyperlink ref="I30" r:id="rId12" xr:uid="{F53EACDC-02E7-46DA-A02C-BD007FECA90E}"/>
    <hyperlink ref="I17" r:id="rId13" xr:uid="{B02B8465-0D34-4672-8098-174886F7AD97}"/>
    <hyperlink ref="I20" r:id="rId14" xr:uid="{BDD81283-2924-4003-9A8D-7780FF63730E}"/>
    <hyperlink ref="I24" r:id="rId15" xr:uid="{DF402E1E-726D-44CC-9088-354CF14608B5}"/>
    <hyperlink ref="I27" r:id="rId16" xr:uid="{B340B38B-8937-4A3A-BDCF-B53145F6AB1C}"/>
  </hyperlinks>
  <pageMargins left="0.7" right="0.7" top="0.75" bottom="0.75" header="0.3" footer="0.3"/>
  <pageSetup paperSize="9" orientation="portrait" r:id="rId17"/>
  <drawing r:id="rId18"/>
  <tableParts count="1">
    <tablePart r:id="rId19"/>
  </tableParts>
  <extLst>
    <ext xmlns:x15="http://schemas.microsoft.com/office/spreadsheetml/2010/11/main" uri="{3A4CF648-6AED-40f4-86FF-DC5316D8AED3}">
      <x14:slicerList xmlns:x14="http://schemas.microsoft.com/office/spreadsheetml/2009/9/main">
        <x14:slicer r:id="rId20"/>
      </x14:slicerList>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TaxCatchAll xmlns="2213ecb7-d87a-4aba-b21b-ec7ca04e5a58" xsi:nil="true"/>
    <_ip_UnifiedCompliancePolicyProperties xmlns="http://schemas.microsoft.com/sharepoint/v3" xsi:nil="true"/>
    <lcf76f155ced4ddcb4097134ff3c332f xmlns="bac58e29-0c23-4090-b611-ed602008453e">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19" ma:contentTypeDescription="Create a new document." ma:contentTypeScope="" ma:versionID="df8d9bbd1e0ed1c9bb1c0651cb7344f5">
  <xsd:schema xmlns:xsd="http://www.w3.org/2001/XMLSchema" xmlns:xs="http://www.w3.org/2001/XMLSchema" xmlns:p="http://schemas.microsoft.com/office/2006/metadata/properties" xmlns:ns1="http://schemas.microsoft.com/sharepoint/v3" xmlns:ns2="bac58e29-0c23-4090-b611-ed602008453e" xmlns:ns3="2213ecb7-d87a-4aba-b21b-ec7ca04e5a58" targetNamespace="http://schemas.microsoft.com/office/2006/metadata/properties" ma:root="true" ma:fieldsID="3897be4a63221aa2baeab9c9699a8722" ns1:_="" ns2:_="" ns3:_="">
    <xsd:import namespace="http://schemas.microsoft.com/sharepoint/v3"/>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element ref="ns2:MediaServiceObjectDetectorVersions" minOccurs="0"/>
                <xsd:element ref="ns1:_ip_UnifiedCompliancePolicyProperties" minOccurs="0"/>
                <xsd:element ref="ns1:_ip_UnifiedCompliancePolicyUIAc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5" nillable="true" ma:displayName="Unified Compliance Policy Properties" ma:hidden="true" ma:internalName="_ip_UnifiedCompliancePolicyProperties">
      <xsd:simpleType>
        <xsd:restriction base="dms:Note"/>
      </xsd:simpleType>
    </xsd:element>
    <xsd:element name="_ip_UnifiedCompliancePolicyUIAction" ma:index="26"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83B6326-0145-42FE-95D2-C7D629C366DE}">
  <ds:schemaRefs>
    <ds:schemaRef ds:uri="http://purl.org/dc/dcmitype/"/>
    <ds:schemaRef ds:uri="http://www.w3.org/XML/1998/namespace"/>
    <ds:schemaRef ds:uri="http://schemas.microsoft.com/sharepoint/v3"/>
    <ds:schemaRef ds:uri="http://schemas.microsoft.com/office/2006/metadata/properties"/>
    <ds:schemaRef ds:uri="bac58e29-0c23-4090-b611-ed602008453e"/>
    <ds:schemaRef ds:uri="http://schemas.microsoft.com/office/infopath/2007/PartnerControls"/>
    <ds:schemaRef ds:uri="http://schemas.microsoft.com/office/2006/documentManagement/types"/>
    <ds:schemaRef ds:uri="http://purl.org/dc/elements/1.1/"/>
    <ds:schemaRef ds:uri="http://schemas.openxmlformats.org/package/2006/metadata/core-properties"/>
    <ds:schemaRef ds:uri="2213ecb7-d87a-4aba-b21b-ec7ca04e5a58"/>
    <ds:schemaRef ds:uri="http://purl.org/dc/terms/"/>
  </ds:schemaRefs>
</ds:datastoreItem>
</file>

<file path=customXml/itemProps2.xml><?xml version="1.0" encoding="utf-8"?>
<ds:datastoreItem xmlns:ds="http://schemas.openxmlformats.org/officeDocument/2006/customXml" ds:itemID="{168BEC88-0CE3-4C2C-9C9A-D63204D0931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E00AE0E-6636-44AB-A408-F08DBF57A84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Overall Summary</vt:lpstr>
    </vt:vector>
  </TitlesOfParts>
  <Manager/>
  <Company>Queen Margaret University</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homson</dc:creator>
  <cp:keywords/>
  <dc:description/>
  <cp:lastModifiedBy>HEPPLEWHITE, Jake</cp:lastModifiedBy>
  <cp:revision/>
  <dcterms:created xsi:type="dcterms:W3CDTF">2019-03-28T16:17:15Z</dcterms:created>
  <dcterms:modified xsi:type="dcterms:W3CDTF">2023-09-04T15:43:1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